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04"/>
  <workbookPr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xr:revisionPtr revIDLastSave="0" documentId="8_{B6E27D01-7336-4DD5-BA68-E66CDD1A89A1}" xr6:coauthVersionLast="47" xr6:coauthVersionMax="47" xr10:uidLastSave="{00000000-0000-0000-0000-000000000000}"/>
  <bookViews>
    <workbookView xWindow="-52230" yWindow="2400" windowWidth="21600" windowHeight="11175" xr2:uid="{FC263EB1-729D-42F7-A03C-7E1F8437551B}"/>
  </bookViews>
  <sheets>
    <sheet name="2023-2027_Summary" sheetId="1" r:id="rId1"/>
    <sheet name="2023-2027_with Cost Component" sheetId="2" r:id="rId2"/>
  </sheets>
  <calcPr calcId="191028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5" uniqueCount="11">
  <si>
    <t>EDN011333    Customer Meter/Kp</t>
  </si>
  <si>
    <t>Internal Labor</t>
  </si>
  <si>
    <t>EDN103249    Ds/Ky/Dist Cust Meter Act</t>
  </si>
  <si>
    <t>KYPMROMTR    KY MRO Meter Reading</t>
  </si>
  <si>
    <t>Outside Services</t>
  </si>
  <si>
    <t>Grand Total</t>
  </si>
  <si>
    <t>Row Labels</t>
  </si>
  <si>
    <t>11B    Labor - Budget Only</t>
  </si>
  <si>
    <t>13B    OT Labor - Budget Only</t>
  </si>
  <si>
    <t>285    Temporary Staffing</t>
  </si>
  <si>
    <t>290    Other Outside Services Gener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3" formatCode="_(* #,##0.00_);_(* \(#,##0.00\);_(* &quot;-&quot;??_);_(@_)"/>
  </numFmts>
  <fonts count="2">
    <font>
      <sz val="10"/>
      <color theme="1"/>
      <name val="Tahoma"/>
      <family val="2"/>
    </font>
    <font>
      <b/>
      <sz val="10"/>
      <color theme="1"/>
      <name val="Tahoma"/>
      <family val="2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theme="4" tint="0.79998168889431442"/>
      </patternFill>
    </fill>
  </fills>
  <borders count="3">
    <border>
      <left/>
      <right/>
      <top/>
      <bottom/>
      <diagonal/>
    </border>
    <border>
      <left/>
      <right/>
      <top/>
      <bottom style="thin">
        <color theme="4" tint="0.39997558519241921"/>
      </bottom>
      <diagonal/>
    </border>
    <border>
      <left/>
      <right/>
      <top style="thin">
        <color theme="4" tint="0.39997558519241921"/>
      </top>
      <bottom/>
      <diagonal/>
    </border>
  </borders>
  <cellStyleXfs count="1">
    <xf numFmtId="0" fontId="0" fillId="0" borderId="0"/>
  </cellStyleXfs>
  <cellXfs count="11">
    <xf numFmtId="0" fontId="0" fillId="0" borderId="0" xfId="0"/>
    <xf numFmtId="0" fontId="1" fillId="2" borderId="1" xfId="0" applyFont="1" applyFill="1" applyBorder="1"/>
    <xf numFmtId="0" fontId="1" fillId="0" borderId="1" xfId="0" applyFont="1" applyBorder="1" applyAlignment="1">
      <alignment horizontal="left"/>
    </xf>
    <xf numFmtId="43" fontId="1" fillId="0" borderId="1" xfId="0" applyNumberFormat="1" applyFont="1" applyBorder="1"/>
    <xf numFmtId="0" fontId="0" fillId="0" borderId="0" xfId="0" applyAlignment="1">
      <alignment horizontal="left" indent="1"/>
    </xf>
    <xf numFmtId="43" fontId="0" fillId="0" borderId="0" xfId="0" applyNumberFormat="1"/>
    <xf numFmtId="0" fontId="1" fillId="2" borderId="2" xfId="0" applyFont="1" applyFill="1" applyBorder="1" applyAlignment="1">
      <alignment horizontal="left"/>
    </xf>
    <xf numFmtId="43" fontId="1" fillId="2" borderId="2" xfId="0" applyNumberFormat="1" applyFont="1" applyFill="1" applyBorder="1"/>
    <xf numFmtId="0" fontId="1" fillId="0" borderId="0" xfId="0" applyFont="1" applyAlignment="1">
      <alignment horizontal="left" indent="1"/>
    </xf>
    <xf numFmtId="43" fontId="1" fillId="0" borderId="0" xfId="0" applyNumberFormat="1" applyFont="1"/>
    <xf numFmtId="0" fontId="0" fillId="0" borderId="0" xfId="0" applyAlignment="1">
      <alignment horizontal="left" indent="2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10" Type="http://schemas.openxmlformats.org/officeDocument/2006/relationships/customXml" Target="../customXml/item5.xml"/><Relationship Id="rId4" Type="http://schemas.openxmlformats.org/officeDocument/2006/relationships/styles" Target="style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1137DE-0D5C-4CC4-930A-9AA3A50B91C3}">
  <dimension ref="A3:F11"/>
  <sheetViews>
    <sheetView tabSelected="1" workbookViewId="0">
      <selection activeCell="G20" sqref="G20"/>
    </sheetView>
  </sheetViews>
  <sheetFormatPr defaultRowHeight="12.6"/>
  <cols>
    <col min="1" max="1" width="39.7109375" bestFit="1" customWidth="1"/>
    <col min="2" max="2" width="13.140625" bestFit="1" customWidth="1"/>
    <col min="3" max="6" width="14.85546875" bestFit="1" customWidth="1"/>
  </cols>
  <sheetData>
    <row r="3" spans="1:6">
      <c r="A3" s="1"/>
      <c r="B3" s="1">
        <v>2023</v>
      </c>
      <c r="C3" s="1">
        <v>2024</v>
      </c>
      <c r="D3" s="1">
        <v>2025</v>
      </c>
      <c r="E3" s="1">
        <v>2026</v>
      </c>
      <c r="F3" s="1">
        <v>2027</v>
      </c>
    </row>
    <row r="4" spans="1:6">
      <c r="A4" s="2" t="s">
        <v>0</v>
      </c>
      <c r="B4" s="3">
        <v>9228</v>
      </c>
      <c r="C4" s="3">
        <v>9497.2440000000006</v>
      </c>
      <c r="D4" s="3">
        <v>9497.2440000000006</v>
      </c>
      <c r="E4" s="3">
        <v>13743.157000000003</v>
      </c>
      <c r="F4" s="3">
        <v>12730.200999999997</v>
      </c>
    </row>
    <row r="5" spans="1:6">
      <c r="A5" s="4" t="s">
        <v>1</v>
      </c>
      <c r="B5" s="5">
        <v>9228</v>
      </c>
      <c r="C5" s="5">
        <v>9497.2440000000006</v>
      </c>
      <c r="D5" s="5">
        <v>9497.2440000000006</v>
      </c>
      <c r="E5" s="5">
        <v>13743.157000000003</v>
      </c>
      <c r="F5" s="5">
        <v>12730.200999999997</v>
      </c>
    </row>
    <row r="6" spans="1:6">
      <c r="A6" s="2" t="s">
        <v>2</v>
      </c>
      <c r="B6" s="3">
        <v>773016</v>
      </c>
      <c r="C6" s="3">
        <v>792611.70000000019</v>
      </c>
      <c r="D6" s="3">
        <v>792774.81600000022</v>
      </c>
      <c r="E6" s="3">
        <v>1093878.2409999999</v>
      </c>
      <c r="F6" s="3">
        <v>1118306.4500000004</v>
      </c>
    </row>
    <row r="7" spans="1:6">
      <c r="A7" s="4" t="s">
        <v>1</v>
      </c>
      <c r="B7" s="5">
        <v>773016</v>
      </c>
      <c r="C7" s="5">
        <v>792611.70000000019</v>
      </c>
      <c r="D7" s="5">
        <v>792774.81600000022</v>
      </c>
      <c r="E7" s="5">
        <v>1093878.2409999999</v>
      </c>
      <c r="F7" s="5">
        <v>1118306.4500000004</v>
      </c>
    </row>
    <row r="8" spans="1:6">
      <c r="A8" s="2" t="s">
        <v>3</v>
      </c>
      <c r="B8" s="3">
        <v>204876</v>
      </c>
      <c r="C8" s="3">
        <v>208518.16800000003</v>
      </c>
      <c r="D8" s="3">
        <v>208518.16799999998</v>
      </c>
      <c r="E8" s="3">
        <v>252172.44900000005</v>
      </c>
      <c r="F8" s="3">
        <v>260844.71099999998</v>
      </c>
    </row>
    <row r="9" spans="1:6">
      <c r="A9" s="4" t="s">
        <v>1</v>
      </c>
      <c r="B9" s="5">
        <v>160080</v>
      </c>
      <c r="C9" s="5">
        <v>163722.16800000003</v>
      </c>
      <c r="D9" s="5">
        <v>163722.16799999998</v>
      </c>
      <c r="E9" s="5">
        <v>107517.55800000002</v>
      </c>
      <c r="F9" s="5">
        <v>113723.41999999998</v>
      </c>
    </row>
    <row r="10" spans="1:6">
      <c r="A10" s="4" t="s">
        <v>4</v>
      </c>
      <c r="B10" s="5">
        <v>44796</v>
      </c>
      <c r="C10" s="5">
        <v>44796</v>
      </c>
      <c r="D10" s="5">
        <v>44796</v>
      </c>
      <c r="E10" s="5">
        <v>144654.89100000003</v>
      </c>
      <c r="F10" s="5">
        <v>147121.291</v>
      </c>
    </row>
    <row r="11" spans="1:6">
      <c r="A11" s="6" t="s">
        <v>5</v>
      </c>
      <c r="B11" s="7">
        <v>987120</v>
      </c>
      <c r="C11" s="7">
        <v>1010627.1120000002</v>
      </c>
      <c r="D11" s="7">
        <v>1010790.2280000001</v>
      </c>
      <c r="E11" s="7">
        <v>1359793.8469999998</v>
      </c>
      <c r="F11" s="7">
        <v>1391881.3620000002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9A6BEC-9115-4A44-97DE-0180BDCB3CCB}">
  <dimension ref="A2:F18"/>
  <sheetViews>
    <sheetView workbookViewId="0">
      <selection activeCell="A40" sqref="A40"/>
    </sheetView>
  </sheetViews>
  <sheetFormatPr defaultRowHeight="12.6"/>
  <cols>
    <col min="1" max="1" width="39.7109375" bestFit="1" customWidth="1"/>
    <col min="2" max="2" width="13.140625" bestFit="1" customWidth="1"/>
    <col min="3" max="6" width="14.85546875" bestFit="1" customWidth="1"/>
  </cols>
  <sheetData>
    <row r="2" spans="1:6">
      <c r="A2" s="1" t="s">
        <v>6</v>
      </c>
      <c r="B2" s="1">
        <v>2023</v>
      </c>
      <c r="C2" s="1">
        <v>2024</v>
      </c>
      <c r="D2" s="1">
        <v>2025</v>
      </c>
      <c r="E2" s="1">
        <v>2026</v>
      </c>
      <c r="F2" s="1">
        <v>2027</v>
      </c>
    </row>
    <row r="3" spans="1:6">
      <c r="A3" s="2" t="s">
        <v>0</v>
      </c>
      <c r="B3" s="3">
        <v>9228</v>
      </c>
      <c r="C3" s="3">
        <v>9497.2440000000006</v>
      </c>
      <c r="D3" s="3">
        <v>9497.2440000000006</v>
      </c>
      <c r="E3" s="3">
        <v>13743.157000000001</v>
      </c>
      <c r="F3" s="3">
        <v>12730.200999999999</v>
      </c>
    </row>
    <row r="4" spans="1:6">
      <c r="A4" s="8" t="s">
        <v>1</v>
      </c>
      <c r="B4" s="9">
        <v>9228</v>
      </c>
      <c r="C4" s="9">
        <v>9497.2440000000006</v>
      </c>
      <c r="D4" s="9">
        <v>9497.2440000000006</v>
      </c>
      <c r="E4" s="9">
        <v>13743.157000000001</v>
      </c>
      <c r="F4" s="9">
        <v>12730.200999999999</v>
      </c>
    </row>
    <row r="5" spans="1:6">
      <c r="A5" s="10" t="s">
        <v>7</v>
      </c>
      <c r="B5" s="5">
        <v>9228</v>
      </c>
      <c r="C5" s="5">
        <v>9497.2440000000006</v>
      </c>
      <c r="D5" s="5">
        <v>9497.2440000000006</v>
      </c>
      <c r="E5" s="5">
        <v>12708.037</v>
      </c>
      <c r="F5" s="5">
        <v>11667.360999999999</v>
      </c>
    </row>
    <row r="6" spans="1:6">
      <c r="A6" s="10" t="s">
        <v>8</v>
      </c>
      <c r="B6" s="5"/>
      <c r="C6" s="5">
        <v>0</v>
      </c>
      <c r="D6" s="5">
        <v>0</v>
      </c>
      <c r="E6" s="5">
        <v>1035.1200000000001</v>
      </c>
      <c r="F6" s="5">
        <v>1062.8399999999997</v>
      </c>
    </row>
    <row r="7" spans="1:6">
      <c r="A7" s="2" t="s">
        <v>2</v>
      </c>
      <c r="B7" s="3">
        <v>773016</v>
      </c>
      <c r="C7" s="3">
        <v>792611.70000000019</v>
      </c>
      <c r="D7" s="3">
        <v>792774.81600000022</v>
      </c>
      <c r="E7" s="3">
        <v>1093878.2409999999</v>
      </c>
      <c r="F7" s="3">
        <v>1118306.45</v>
      </c>
    </row>
    <row r="8" spans="1:6">
      <c r="A8" s="8" t="s">
        <v>1</v>
      </c>
      <c r="B8" s="9">
        <v>773016</v>
      </c>
      <c r="C8" s="9">
        <v>792611.70000000019</v>
      </c>
      <c r="D8" s="9">
        <v>792774.81600000022</v>
      </c>
      <c r="E8" s="9">
        <v>1093878.2409999999</v>
      </c>
      <c r="F8" s="9">
        <v>1118306.45</v>
      </c>
    </row>
    <row r="9" spans="1:6">
      <c r="A9" s="10" t="s">
        <v>7</v>
      </c>
      <c r="B9" s="5">
        <v>750384</v>
      </c>
      <c r="C9" s="5">
        <v>769979.70000000019</v>
      </c>
      <c r="D9" s="5">
        <v>770142.81600000022</v>
      </c>
      <c r="E9" s="5">
        <v>1059730.3189999999</v>
      </c>
      <c r="F9" s="5">
        <v>1084081.6099999999</v>
      </c>
    </row>
    <row r="10" spans="1:6">
      <c r="A10" s="10" t="s">
        <v>8</v>
      </c>
      <c r="B10" s="5">
        <v>22632</v>
      </c>
      <c r="C10" s="5">
        <v>22632</v>
      </c>
      <c r="D10" s="5">
        <v>22632</v>
      </c>
      <c r="E10" s="5">
        <v>34147.922000000006</v>
      </c>
      <c r="F10" s="5">
        <v>34224.839999999997</v>
      </c>
    </row>
    <row r="11" spans="1:6">
      <c r="A11" s="2" t="s">
        <v>3</v>
      </c>
      <c r="B11" s="3">
        <v>204876</v>
      </c>
      <c r="C11" s="3">
        <v>208518.16800000012</v>
      </c>
      <c r="D11" s="3">
        <v>208518.16800000009</v>
      </c>
      <c r="E11" s="3">
        <v>252172.44900000008</v>
      </c>
      <c r="F11" s="3">
        <v>260844.71100000001</v>
      </c>
    </row>
    <row r="12" spans="1:6">
      <c r="A12" s="8" t="s">
        <v>1</v>
      </c>
      <c r="B12" s="9">
        <v>160080</v>
      </c>
      <c r="C12" s="9">
        <v>163722.16800000012</v>
      </c>
      <c r="D12" s="9">
        <v>163722.16800000009</v>
      </c>
      <c r="E12" s="9">
        <v>107517.55800000003</v>
      </c>
      <c r="F12" s="9">
        <v>113723.42</v>
      </c>
    </row>
    <row r="13" spans="1:6">
      <c r="A13" s="10" t="s">
        <v>7</v>
      </c>
      <c r="B13" s="5">
        <v>153252</v>
      </c>
      <c r="C13" s="5">
        <v>156896.83200000011</v>
      </c>
      <c r="D13" s="5">
        <v>156896.83200000008</v>
      </c>
      <c r="E13" s="5">
        <v>101571.44300000003</v>
      </c>
      <c r="F13" s="5">
        <v>107636.16099999999</v>
      </c>
    </row>
    <row r="14" spans="1:6">
      <c r="A14" s="10" t="s">
        <v>8</v>
      </c>
      <c r="B14" s="5">
        <v>6828</v>
      </c>
      <c r="C14" s="5">
        <v>6825.3359999999984</v>
      </c>
      <c r="D14" s="5">
        <v>6825.3359999999984</v>
      </c>
      <c r="E14" s="5">
        <v>5946.1149999999998</v>
      </c>
      <c r="F14" s="5">
        <v>6087.2590000000018</v>
      </c>
    </row>
    <row r="15" spans="1:6">
      <c r="A15" s="8" t="s">
        <v>4</v>
      </c>
      <c r="B15" s="9">
        <v>44796</v>
      </c>
      <c r="C15" s="9">
        <v>44796</v>
      </c>
      <c r="D15" s="9">
        <v>44796</v>
      </c>
      <c r="E15" s="9">
        <v>144654.89100000003</v>
      </c>
      <c r="F15" s="9">
        <v>147121.291</v>
      </c>
    </row>
    <row r="16" spans="1:6">
      <c r="A16" s="10" t="s">
        <v>9</v>
      </c>
      <c r="B16" s="5">
        <v>40332</v>
      </c>
      <c r="C16" s="5">
        <v>40332</v>
      </c>
      <c r="D16" s="5">
        <v>40332</v>
      </c>
      <c r="E16" s="5">
        <v>144654.89100000003</v>
      </c>
      <c r="F16" s="5">
        <v>147121.291</v>
      </c>
    </row>
    <row r="17" spans="1:6">
      <c r="A17" s="10" t="s">
        <v>10</v>
      </c>
      <c r="B17" s="5">
        <v>4464</v>
      </c>
      <c r="C17" s="5">
        <v>4464</v>
      </c>
      <c r="D17" s="5">
        <v>4464</v>
      </c>
      <c r="E17" s="5">
        <v>0</v>
      </c>
      <c r="F17" s="5">
        <v>0</v>
      </c>
    </row>
    <row r="18" spans="1:6">
      <c r="A18" s="6" t="s">
        <v>5</v>
      </c>
      <c r="B18" s="7">
        <v>987120</v>
      </c>
      <c r="C18" s="7">
        <v>1010627.1120000003</v>
      </c>
      <c r="D18" s="7">
        <v>1010790.2280000002</v>
      </c>
      <c r="E18" s="7">
        <v>1359793.8469999998</v>
      </c>
      <c r="F18" s="7">
        <v>1391881.362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37e8545f9097af293d07877c154c5451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edfe77cef90f9ce79cdb433746aba48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3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NzUwNzc8L1VzZXJOYW1lPjxEYXRlVGltZT4xMC8zLzIwMjUgMjo0Nzo1NyBQTTwvRGF0ZVRpbWU+PExhYmVsU3RyaW5nPkFFUCBJbnRlcm5hbDwvTGFiZWxTdHJpbmc+PC9pdGVtPjwvbGFiZWxIaXN0b3J5Pg==</Value>
</WrappedLabelHistory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5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D88DCC4-09C8-40EA-94C3-9BC7BFFE00ED}"/>
</file>

<file path=customXml/itemProps2.xml><?xml version="1.0" encoding="utf-8"?>
<ds:datastoreItem xmlns:ds="http://schemas.openxmlformats.org/officeDocument/2006/customXml" ds:itemID="{4FFC45AC-2F8F-4C15-B243-7E7332AEEC3E}"/>
</file>

<file path=customXml/itemProps3.xml><?xml version="1.0" encoding="utf-8"?>
<ds:datastoreItem xmlns:ds="http://schemas.openxmlformats.org/officeDocument/2006/customXml" ds:itemID="{2199ED36-DCBC-4E02-9945-C421F19AA92A}"/>
</file>

<file path=customXml/itemProps4.xml><?xml version="1.0" encoding="utf-8"?>
<ds:datastoreItem xmlns:ds="http://schemas.openxmlformats.org/officeDocument/2006/customXml" ds:itemID="{CBEB9FCD-21FD-4A14-B3CD-91B559ABCB1A}"/>
</file>

<file path=customXml/itemProps5.xml><?xml version="1.0" encoding="utf-8"?>
<ds:datastoreItem xmlns:ds="http://schemas.openxmlformats.org/officeDocument/2006/customXml" ds:itemID="{3AB035AB-EC70-43FB-BFA9-9AC405758870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>American Electric Power</Company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shley D Livingood</dc:creator>
  <cp:keywords/>
  <dc:description/>
  <cp:lastModifiedBy>Glass, Katie</cp:lastModifiedBy>
  <cp:revision/>
  <dcterms:created xsi:type="dcterms:W3CDTF">2025-10-03T14:47:44Z</dcterms:created>
  <dcterms:modified xsi:type="dcterms:W3CDTF">2025-10-12T22:06:1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7ad9b7fd-feef-4678-acef-7b6846dc0dea</vt:lpwstr>
  </property>
  <property fmtid="{D5CDD505-2E9C-101B-9397-08002B2CF9AE}" pid="3" name="bjClsUserRVM">
    <vt:lpwstr>[]</vt:lpwstr>
  </property>
  <property fmtid="{D5CDD505-2E9C-101B-9397-08002B2CF9AE}" pid="4" name="bjSaver">
    <vt:lpwstr>o4/sdbF8sMp5xLAtlg2VB+VDX7/DWUax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2199ED36-DCBC-4E02-9945-C421F19AA92A}</vt:lpwstr>
  </property>
  <property fmtid="{D5CDD505-2E9C-101B-9397-08002B2CF9AE}" pid="12" name="ContentTypeId">
    <vt:lpwstr>0x0101004DF805D1E1DA4A49A223477D3B105720</vt:lpwstr>
  </property>
  <property fmtid="{D5CDD505-2E9C-101B-9397-08002B2CF9AE}" pid="13" name="MediaServiceImageTags">
    <vt:lpwstr/>
  </property>
</Properties>
</file>